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genlimbu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CFD2BEEE-002A-83F7-18A1-5C68BD70AC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476044"/>
            <a:ext cx="2480399" cy="213810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BF0F03C2-8305-0704-F43C-EC742222D12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39251" y="4038600"/>
            <a:ext cx="1396691" cy="120394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5T09:02:47Z</dcterms:modified>
</cp:coreProperties>
</file>